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  <p:sldMasterId id="2147483799" r:id="rId2"/>
  </p:sldMasterIdLst>
  <p:notesMasterIdLst>
    <p:notesMasterId r:id="rId19"/>
  </p:notesMasterIdLst>
  <p:handoutMasterIdLst>
    <p:handoutMasterId r:id="rId20"/>
  </p:handoutMasterIdLst>
  <p:sldIdLst>
    <p:sldId id="257" r:id="rId3"/>
    <p:sldId id="260" r:id="rId4"/>
    <p:sldId id="269" r:id="rId5"/>
    <p:sldId id="271" r:id="rId6"/>
    <p:sldId id="371" r:id="rId7"/>
    <p:sldId id="261" r:id="rId8"/>
    <p:sldId id="274" r:id="rId9"/>
    <p:sldId id="263" r:id="rId10"/>
    <p:sldId id="264" r:id="rId11"/>
    <p:sldId id="273" r:id="rId12"/>
    <p:sldId id="262" r:id="rId13"/>
    <p:sldId id="272" r:id="rId14"/>
    <p:sldId id="265" r:id="rId15"/>
    <p:sldId id="259" r:id="rId16"/>
    <p:sldId id="258" r:id="rId17"/>
    <p:sldId id="268" r:id="rId18"/>
  </p:sldIdLst>
  <p:sldSz cx="12190413" cy="6859588"/>
  <p:notesSz cx="6858000" cy="9144000"/>
  <p:custDataLst>
    <p:tags r:id="rId21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69" autoAdjust="0"/>
    <p:restoredTop sz="90104" autoAdjust="0"/>
  </p:normalViewPr>
  <p:slideViewPr>
    <p:cSldViewPr snapToGrid="0">
      <p:cViewPr varScale="1">
        <p:scale>
          <a:sx n="65" d="100"/>
          <a:sy n="65" d="100"/>
        </p:scale>
        <p:origin x="150" y="121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3" Type="http://schemas.openxmlformats.org/officeDocument/2006/relationships/slide" Target="slides/slide1.xml"/><Relationship Id="rId21" Type="http://schemas.openxmlformats.org/officeDocument/2006/relationships/tags" Target="tags/tag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viewProps" Target="viewProps.xml"/><Relationship Id="rId10" Type="http://schemas.openxmlformats.org/officeDocument/2006/relationships/slide" Target="slides/slide8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xmlns="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31-01-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31/01/2019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1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664481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xmlns="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xmlns="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/>
            </a:lvl1pPr>
          </a:lstStyle>
          <a:p>
            <a:pPr lvl="0"/>
            <a:r>
              <a:rPr lang="en-GB" dirty="0"/>
              <a:t>Subtitle</a:t>
            </a:r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xmlns="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53FA15E-1F2D-49C3-9DC0-EDCF2C2FA5EF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xmlns="" id="{414EC495-A6B9-4C60-A011-7047269C9CE9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7313612" y="1645032"/>
            <a:ext cx="40735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EAB213D-2A7D-43AA-AC13-E7158BAD937D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8958262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xmlns="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8AC0C5E-CCA6-491B-B37C-FB8ABD4F4917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xmlns="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xmlns="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E11C32E-F46E-46A1-8D4C-1DBB9ECDD449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xmlns="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xmlns="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7B380C6-32E4-4FAC-A000-B48164F21F53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xmlns="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BDA1E88-B893-40B4-AF30-9F733A4F9534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xmlns="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1pPr>
              <a:defRPr cap="none"/>
            </a:lvl1pPr>
            <a:lvl2pPr>
              <a:defRPr cap="none"/>
            </a:lvl2pPr>
            <a:lvl3pPr>
              <a:defRPr cap="none"/>
            </a:lvl3pPr>
            <a:lvl4pPr>
              <a:defRPr cap="none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xmlns="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3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xmlns="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xmlns="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xmlns="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xmlns="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xmlns="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xmlns="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xmlns="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xmlns="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xmlns="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389C9F7-0FCF-46A1-BE1F-D96D1D7920BE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xmlns="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1pPr>
              <a:defRPr cap="none"/>
            </a:lvl1pPr>
            <a:lvl2pPr>
              <a:defRPr cap="none"/>
            </a:lvl2pPr>
            <a:lvl3pPr>
              <a:defRPr cap="none"/>
            </a:lvl3pPr>
            <a:lvl4pPr>
              <a:defRPr cap="none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xmlns="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xmlns="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xmlns="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xmlns="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xmlns="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xmlns="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xmlns="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0600E63-EACB-4E4F-A1C1-8817F5617B14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xmlns="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xmlns="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xmlns="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xmlns="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/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xmlns="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xmlns="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xmlns="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xmlns="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xmlns="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xmlns="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xmlns="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xmlns="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xmlns="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xmlns="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xmlns="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68640EE-92B4-4612-8ECC-D415C6C095E3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5B6556C8-A731-4240-9800-194A4F70A1D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071936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xmlns="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xmlns="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 cap="none" baseline="0"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xmlns="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21E8DEF-A413-4DC5-A9F2-1A7EBF465126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62CDE71F-8FC2-4DE4-9423-EE57143478C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2443162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xmlns="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xmlns="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F90917C-2C40-443C-BA69-CEB92B80CFC8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xmlns="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xmlns="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xmlns="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xmlns="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rgbClr val="009DF0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xmlns="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8" name="Date_DateCustomA" hidden="1">
            <a:extLst>
              <a:ext uri="{FF2B5EF4-FFF2-40B4-BE49-F238E27FC236}">
                <a16:creationId xmlns:a16="http://schemas.microsoft.com/office/drawing/2014/main" xmlns="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0D14307A-A6E1-4F99-8AA8-6C6D2B95EDCB}" type="datetime1">
              <a:rPr lang="en-GB" smtClean="0"/>
              <a:t>31/01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xmlns="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FD1BB80-2E14-46CF-90DF-1A9C78774170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xmlns="" id="{D10A7420-B42B-4A1E-801C-58F73E98E72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xmlns="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0C1F8DB-2F1D-4969-95DE-D851311B0615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04864" y="421976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 baseline="0"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1612900" y="906698"/>
            <a:ext cx="3257550" cy="2158049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xmlns="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E841522-B29A-4BB0-B27F-83BB37D7949A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EA48E567-47F5-4B08-99D6-069385ECECE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xmlns="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xmlns="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xmlns="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59F0F0D-AB8A-477A-AF46-284BA0555AC5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10588624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xmlns="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xmlns="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xmlns="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3F062F7-A42C-44A7-959E-330037BCBD15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22AD88E7-3B12-4449-81F1-3C8219EE77C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xmlns="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xmlns="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BB6523F-892A-4756-A7C0-021168200D98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FA0290B9-8984-4B63-9584-E3AE12BC840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xmlns="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xmlns="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63A8D5C-0DBE-434D-8BC0-8E1ECD32F30A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C69AAF93-6D36-4195-82B9-DF0720EC521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xmlns="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xmlns="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0807E4B-4E40-4D7A-B612-4EB244B33B40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xmlns="" id="{923A1CA0-6B95-4682-8F2B-A2CB29E9A0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xmlns="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xmlns="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xmlns="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xmlns="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47EE230-EFFD-4FE4-9A94-1F2282E9D536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xmlns="" id="{6DA88F43-D409-4504-A063-DA4B451A472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xmlns="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xmlns="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xmlns="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xmlns="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xmlns="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A7ACB69-D68D-4669-8094-5D80C7024D80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xmlns="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Logo_ramboll"/>
          <p:cNvSpPr>
            <a:spLocks/>
          </p:cNvSpPr>
          <p:nvPr userDrawn="1"/>
        </p:nvSpPr>
        <p:spPr>
          <a:xfrm>
            <a:off x="817201" y="6159600"/>
            <a:ext cx="896400" cy="255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xmlns="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xmlns="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xmlns="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.</a:t>
            </a:r>
            <a:endParaRPr lang="en-GB" dirty="0"/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xmlns="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xmlns="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xmlns="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7A1142DD-B522-4753-9022-F058EF13ADF8}" type="datetime1">
              <a:rPr lang="en-GB" smtClean="0"/>
              <a:t>31/01/2019</a:t>
            </a:fld>
            <a:endParaRPr lang="x-none" dirty="0"/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xmlns="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xmlns="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xmlns="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xmlns="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xmlns="" id="{109E8909-9BF2-426F-A556-859081C99C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xmlns="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xmlns="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E462EE5-CBF7-4575-9F2E-FF43F10E41E7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xmlns="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xmlns="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xmlns="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xmlns="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xmlns="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xmlns="" id="{299AE5C6-8512-40FE-B386-E39B56597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xmlns="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xmlns="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C490E07-8FBC-478B-BE94-6D8AFF0C9725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 cap="none" baseline="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xmlns="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xmlns="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xmlns="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xmlns="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1B2CC641-2009-46B8-ADFB-956072740745}" type="datetime1">
              <a:rPr lang="en-GB" smtClean="0"/>
              <a:t>31/01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xmlns="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xmlns="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xmlns="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xmlns="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081609DB-7AE1-4726-8B3F-8049D8AD11AF}" type="datetime1">
              <a:rPr lang="en-GB" smtClean="0"/>
              <a:t>31/01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xmlns="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xmlns="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FE1CC56-36DE-4D91-84F2-C338185C7FAD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xmlns="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xmlns="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7236824-70E3-48CA-BBFF-978ED11080B1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xmlns="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xmlns="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01E88BF-0428-4B1F-811D-CFFED4EBB7B9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 hasCustomPrompt="1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none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xmlns="" id="{91808B17-7D73-48EF-8BED-63693AB76B0C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xmlns="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B7618258-EFF0-460D-BA66-5A541216D0FE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xmlns="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xmlns="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xmlns="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Freeform 5">
            <a:extLst>
              <a:ext uri="{FF2B5EF4-FFF2-40B4-BE49-F238E27FC236}">
                <a16:creationId xmlns:a16="http://schemas.microsoft.com/office/drawing/2014/main" xmlns="" id="{5A883098-EC9D-45F8-BF2C-3487DF20D354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xmlns="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xmlns="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0B614226-D0C4-4A4D-8F3B-7F8B468B5155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9E68FD9-FC5B-4542-BC94-890ACC3A667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2413" cy="2389187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xmlns="" id="{B1F23550-1B7A-4046-947A-010FB6D33EC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3625"/>
            <a:ext cx="9142413" cy="1655763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6318D2F9-5994-4FBB-8131-A38E517F0B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631470-805B-4389-9150-BC7B9D8406C1}" type="datetime1">
              <a:rPr lang="en-GB" smtClean="0"/>
              <a:t>31/01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0C4F542A-79CB-486C-9358-821FD06D63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471899A9-7E20-47D8-8D6D-0B9AB76FCE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4757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xmlns="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xmlns="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xmlns="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7D6862E3-0B95-44CE-A13A-A411C593E986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00644566-2FE5-4F83-8D27-414B754BD1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DF4E021E-A090-4317-BEE0-19BD522284C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7097A46C-2744-49CC-B81B-B29D042618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82515B-0010-4C58-BAD6-21A4C9A80F3B}" type="datetime1">
              <a:rPr lang="en-GB" smtClean="0"/>
              <a:t>31/01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0957963C-79F3-4F1A-BE74-32A466C1B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820B1753-A186-4611-830A-8A3B94CAC8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993350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1BF33480-2DFD-4FE1-849D-BFE79B49C8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4013" cy="2854325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18C6C47C-D7A2-4604-A112-E2CF872D30A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91050"/>
            <a:ext cx="10514013" cy="1500188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218E22E8-F3EC-4504-91E2-28FBA9C3DE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44892A-458B-44DE-84B3-392B17997B12}" type="datetime1">
              <a:rPr lang="en-GB" smtClean="0"/>
              <a:t>31/01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254D2DB4-E4D5-44BF-BC75-F76C3148C3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243DD57D-7F05-406F-A891-4BA1766D0E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296224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6DC0370C-1746-4FE9-B061-B877586907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1513EF38-F4AA-4043-8B05-736435FA6DB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0013" cy="43529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xmlns="" id="{1C70C353-78A0-430C-9F1A-AB167779EA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0613" y="1825625"/>
            <a:ext cx="5181600" cy="43529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xmlns="" id="{6286704D-4E38-41B2-B562-854202689D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5780DB-108B-403A-A5E6-0A78AB5F64AA}" type="datetime1">
              <a:rPr lang="en-GB" smtClean="0"/>
              <a:t>31/01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xmlns="" id="{74916535-D870-4802-AA97-8462159D87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xmlns="" id="{CEF0D28C-A8D9-44B8-9F88-25E57C7FBB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67480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E24BD2EF-7B54-4CBE-A683-F3C249B270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4012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92899BFD-B309-4C77-AE84-32B9CC4521C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xmlns="" id="{A2F71B77-7377-4CB5-98C2-338DAF2B46A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61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6961F707-0067-413F-9E9C-2D3B97F4B69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0613" y="1681163"/>
            <a:ext cx="51831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xmlns="" id="{B92E2F2E-3C55-4431-9CE9-DF216FD8216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0613" y="2505075"/>
            <a:ext cx="5183187" cy="36861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xmlns="" id="{32465BC9-096A-4724-B5B2-D8A70D4C39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B718C6-C5EB-4C41-8176-41066CFF169A}" type="datetime1">
              <a:rPr lang="en-GB" smtClean="0"/>
              <a:t>31/01/2019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xmlns="" id="{91ACAE29-D085-4003-BE54-737D04CB9E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xmlns="" id="{9FDC0D52-D016-4F04-AB51-3FF17C6FD9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632432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B2021EB3-8607-4F36-9DBE-CB39811CE8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xmlns="" id="{AC72199A-112E-4193-9A7D-905AEFA74D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2F20AF-AAA5-44AC-B8AE-706853ADF108}" type="datetime1">
              <a:rPr lang="en-GB" smtClean="0"/>
              <a:t>31/01/2019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D1627035-1771-4F52-A383-7F3C3AF380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xmlns="" id="{24B9BEC0-7DFA-4F7D-BD42-64D7A0F2FE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5766834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xmlns="" id="{B1BAE2EB-21EA-49E0-9C07-FF8D984B1E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253C91-7CA5-4984-9F92-C59E729681A3}" type="datetime1">
              <a:rPr lang="en-GB" smtClean="0"/>
              <a:t>31/01/2019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xmlns="" id="{A286FB81-B423-4C11-A537-043789F469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3F539772-0498-48FB-863B-8D7B3DB579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6262906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BDF4D94B-2382-4C62-A239-681566AF15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855AD7FD-ED81-4082-9C9C-8E618BBB199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0612" cy="48752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xmlns="" id="{821B0E96-6F9B-4EAA-9BC6-AEC27E576A1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317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xmlns="" id="{0A6A069D-2AFC-42A5-AC32-D1DA6688CF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93FD3E-A048-4FB3-BE12-813A557C7CC7}" type="datetime1">
              <a:rPr lang="en-GB" smtClean="0"/>
              <a:t>31/01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xmlns="" id="{E71715A6-C8A9-4A3E-AD2E-71DB869695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xmlns="" id="{6D0824C1-EC2D-47D4-BCEC-20C0ABAD80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2043412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5F6E88BD-4420-4F01-AB5B-AD6FCC569A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xmlns="" id="{F45CEBB7-4A65-44BD-AEFF-5C3DDF3E13A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0612" cy="4875213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xmlns="" id="{B463D138-8D43-4973-B3CF-3EFA793E4A8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317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xmlns="" id="{266E9C93-2982-4E29-82C3-67D9B8B221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618BA9-2EC5-49CA-8ECD-6688712B5D42}" type="datetime1">
              <a:rPr lang="en-GB" smtClean="0"/>
              <a:t>31/01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xmlns="" id="{67AFDCDD-92B0-4892-BEB7-AA2D000167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xmlns="" id="{161E43FE-A443-4ACC-9D51-0D05DEB0FB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4667545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0B622A91-BEA7-42C3-B2E8-38A762BBF5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xmlns="" id="{14C28C66-939A-4677-AF58-0185939531C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4C0D33D8-9ECA-419D-9655-B9F76AC67B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D34AAA-A4C7-4A3A-8301-B6DA39AF749B}" type="datetime1">
              <a:rPr lang="en-GB" smtClean="0"/>
              <a:t>31/01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073E21A2-0119-4543-815F-2107CF066A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FFD98A4A-7D42-4E32-8B17-2049746A04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18833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xmlns="" id="{7B3A435E-A970-45EE-A8F1-785EF7EC0E7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7313" cy="58134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xmlns="" id="{FAA83E55-CD50-40A9-B002-D7A61E745D8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342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0A33ED7A-6A1E-4D1E-9184-99BDA272D6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C2A426-6D64-464F-8C60-D3DE55D4E697}" type="datetime1">
              <a:rPr lang="en-GB" smtClean="0"/>
              <a:t>31/01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BC477613-2363-4C80-AE28-D9FD9C627D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077B7927-994B-457F-92CB-D61761E2E6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93830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xmlns="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baseline="0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xmlns="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F532C340-11A9-479D-85A3-E3D2E11E2C6A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xmlns="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cap="none" baseline="0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xmlns="" id="{12A0CAF9-565B-4643-8539-61D9B882A5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none" baseline="0">
                <a:solidFill>
                  <a:schemeClr val="bg1"/>
                </a:solidFill>
              </a:defRPr>
            </a:lvl1pPr>
            <a:lvl2pPr marL="627063" indent="-265113">
              <a:defRPr sz="1400" b="1" cap="none" baseline="0">
                <a:solidFill>
                  <a:schemeClr val="bg1"/>
                </a:solidFill>
              </a:defRPr>
            </a:lvl2pPr>
            <a:lvl3pPr>
              <a:defRPr b="1" cap="none" baseline="0">
                <a:solidFill>
                  <a:schemeClr val="bg1"/>
                </a:solidFill>
              </a:defRPr>
            </a:lvl3pPr>
            <a:lvl4pPr>
              <a:defRPr b="1" cap="none" baseline="0">
                <a:solidFill>
                  <a:schemeClr val="bg1"/>
                </a:solidFill>
              </a:defRPr>
            </a:lvl4pPr>
            <a:lvl5pPr>
              <a:defRPr b="1" cap="none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F08C29FE-2F47-49FA-9F00-043C9308AB6D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xmlns="" id="{88DBAD0C-7FB6-4652-87AA-A678753BF18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xmlns="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F42E737-BC08-4875-A059-3E09CAD80F5C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xmlns="" id="{49478155-5C9E-4D4A-AA75-125DF35A1CB8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499224" y="1645032"/>
            <a:ext cx="4887913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275DA97-79AC-4A8B-80EF-4B3E4F497DAC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xmlns="" id="{535335C1-5736-449E-B5A3-80EF8EFB92D0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5684838" y="1645032"/>
            <a:ext cx="5702300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622C4CE-FD57-451C-858B-E7974ECFE3BD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6.xml"/><Relationship Id="rId3" Type="http://schemas.openxmlformats.org/officeDocument/2006/relationships/slideLayout" Target="../slideLayouts/slideLayout41.xml"/><Relationship Id="rId7" Type="http://schemas.openxmlformats.org/officeDocument/2006/relationships/slideLayout" Target="../slideLayouts/slideLayout45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40.xml"/><Relationship Id="rId1" Type="http://schemas.openxmlformats.org/officeDocument/2006/relationships/slideLayout" Target="../slideLayouts/slideLayout39.xml"/><Relationship Id="rId6" Type="http://schemas.openxmlformats.org/officeDocument/2006/relationships/slideLayout" Target="../slideLayouts/slideLayout44.xml"/><Relationship Id="rId11" Type="http://schemas.openxmlformats.org/officeDocument/2006/relationships/slideLayout" Target="../slideLayouts/slideLayout49.xml"/><Relationship Id="rId5" Type="http://schemas.openxmlformats.org/officeDocument/2006/relationships/slideLayout" Target="../slideLayouts/slideLayout43.xml"/><Relationship Id="rId10" Type="http://schemas.openxmlformats.org/officeDocument/2006/relationships/slideLayout" Target="../slideLayouts/slideLayout48.xml"/><Relationship Id="rId4" Type="http://schemas.openxmlformats.org/officeDocument/2006/relationships/slideLayout" Target="../slideLayouts/slideLayout42.xml"/><Relationship Id="rId9" Type="http://schemas.openxmlformats.org/officeDocument/2006/relationships/slideLayout" Target="../slideLayouts/slideLayout4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Freeform 5">
            <a:extLst>
              <a:ext uri="{FF2B5EF4-FFF2-40B4-BE49-F238E27FC236}">
                <a16:creationId xmlns:a16="http://schemas.microsoft.com/office/drawing/2014/main" xmlns="" id="{B3ADD142-CEBB-4289-94EB-AD59CA19C4E8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xmlns="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E81F11F-DB90-4F7E-86AE-1D0343AB274A}" type="datetime1">
              <a:rPr lang="en-GB" smtClean="0"/>
              <a:t>31/01/2019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xmlns="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xmlns="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xmlns="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0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xmlns="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xmlns="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xmlns="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1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67" r:id="rId37"/>
    <p:sldLayoutId id="2147483790" r:id="rId38"/>
  </p:sldLayoutIdLst>
  <p:hf hdr="0" ft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xmlns="" id="{37D9376C-C2A8-4B73-8863-91D67E57C4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4013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2FAAAC1E-2549-4DB4-8550-C203A84A56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4013" cy="435292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74FB6D1C-135F-410A-B9C9-C8EAB8A48AD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7938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58663F1-616F-4EB6-A260-68AD0154FE3D}" type="datetime1">
              <a:rPr lang="en-GB" smtClean="0"/>
              <a:t>31/01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C8DB1532-7F62-41F6-BDF7-BD9846A72A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7938"/>
            <a:ext cx="411321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D34B30BA-3351-4CF4-B2C3-BF7BEF39EA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09013" y="6357938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3C01628-CF52-4282-B569-C954065E0D4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78960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0" r:id="rId1"/>
    <p:sldLayoutId id="2147483801" r:id="rId2"/>
    <p:sldLayoutId id="2147483802" r:id="rId3"/>
    <p:sldLayoutId id="2147483803" r:id="rId4"/>
    <p:sldLayoutId id="2147483804" r:id="rId5"/>
    <p:sldLayoutId id="2147483805" r:id="rId6"/>
    <p:sldLayoutId id="2147483806" r:id="rId7"/>
    <p:sldLayoutId id="2147483807" r:id="rId8"/>
    <p:sldLayoutId id="2147483808" r:id="rId9"/>
    <p:sldLayoutId id="2147483809" r:id="rId10"/>
    <p:sldLayoutId id="2147483810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4" Type="http://schemas.openxmlformats.org/officeDocument/2006/relationships/hyperlink" Target="mailto:jjohnson@ramboll.com" TargetMode="Externa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7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>
            <a:extLst>
              <a:ext uri="{FF2B5EF4-FFF2-40B4-BE49-F238E27FC236}">
                <a16:creationId xmlns:a16="http://schemas.microsoft.com/office/drawing/2014/main" xmlns="" id="{C9A28A98-FCC3-491B-88DD-1C48456968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98512" y="409569"/>
            <a:ext cx="10295311" cy="681548"/>
          </a:xfrm>
        </p:spPr>
        <p:txBody>
          <a:bodyPr/>
          <a:lstStyle/>
          <a:p>
            <a:r>
              <a:rPr lang="en-GB" dirty="0"/>
              <a:t>WRAP 2014 Regional </a:t>
            </a:r>
            <a:r>
              <a:rPr lang="en-GB" dirty="0" err="1"/>
              <a:t>Modeling</a:t>
            </a:r>
            <a:r>
              <a:rPr lang="en-GB" dirty="0"/>
              <a:t> </a:t>
            </a:r>
          </a:p>
        </p:txBody>
      </p:sp>
      <p:sp>
        <p:nvSpPr>
          <p:cNvPr id="3" name="FLD_PresentationTitle_2">
            <a:extLst>
              <a:ext uri="{FF2B5EF4-FFF2-40B4-BE49-F238E27FC236}">
                <a16:creationId xmlns:a16="http://schemas.microsoft.com/office/drawing/2014/main" xmlns="" id="{47591E0B-C45B-4376-B200-46F184CB5A5E}"/>
              </a:ext>
            </a:extLst>
          </p:cNvPr>
          <p:cNvSpPr>
            <a:spLocks noGrp="1"/>
          </p:cNvSpPr>
          <p:nvPr>
            <p:ph type="subTitle" sz="quarter" idx="1"/>
          </p:nvPr>
        </p:nvSpPr>
        <p:spPr/>
        <p:txBody>
          <a:bodyPr/>
          <a:lstStyle/>
          <a:p>
            <a:r>
              <a:rPr lang="en-GB" dirty="0"/>
              <a:t>WRF MPE Summary</a:t>
            </a:r>
          </a:p>
        </p:txBody>
      </p:sp>
      <p:sp>
        <p:nvSpPr>
          <p:cNvPr id="4" name="FLD_PresentationSubtitle">
            <a:extLst>
              <a:ext uri="{FF2B5EF4-FFF2-40B4-BE49-F238E27FC236}">
                <a16:creationId xmlns:a16="http://schemas.microsoft.com/office/drawing/2014/main" xmlns="" id="{5CF200BE-F69F-4207-B519-D798523986C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>
              <a:spcAft>
                <a:spcPts val="0"/>
              </a:spcAft>
            </a:pPr>
            <a:r>
              <a:rPr lang="en-GB" dirty="0"/>
              <a:t>Jeremiah Johnson</a:t>
            </a:r>
          </a:p>
          <a:p>
            <a:pPr>
              <a:spcAft>
                <a:spcPts val="0"/>
              </a:spcAft>
            </a:pPr>
            <a:r>
              <a:rPr lang="en-GB" dirty="0">
                <a:hlinkClick r:id="rId4"/>
              </a:rPr>
              <a:t>jjohnson@ramboll.com</a:t>
            </a:r>
            <a:endParaRPr lang="en-GB" dirty="0"/>
          </a:p>
          <a:p>
            <a:pPr>
              <a:spcAft>
                <a:spcPts val="0"/>
              </a:spcAft>
            </a:pPr>
            <a:endParaRPr lang="en-GB" dirty="0"/>
          </a:p>
          <a:p>
            <a:r>
              <a:rPr lang="en-GB" dirty="0"/>
              <a:t>Jan 31, 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868177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EBDB4362-F6A6-4F4B-915D-FCB6B826099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9224" y="1499616"/>
            <a:ext cx="10882879" cy="3498068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ccer Plots – Humidity for all AZ sites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34DD5A74-0C89-493F-9421-04ECB7AA5B46}"/>
              </a:ext>
            </a:extLst>
          </p:cNvPr>
          <p:cNvSpPr txBox="1"/>
          <p:nvPr/>
        </p:nvSpPr>
        <p:spPr bwMode="auto">
          <a:xfrm>
            <a:off x="2528046" y="1338669"/>
            <a:ext cx="2017059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EPA 12 km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99176AB2-6591-4A31-A0A8-80CF7B5C33B6}"/>
              </a:ext>
            </a:extLst>
          </p:cNvPr>
          <p:cNvSpPr txBox="1"/>
          <p:nvPr/>
        </p:nvSpPr>
        <p:spPr bwMode="auto">
          <a:xfrm>
            <a:off x="8072708" y="1338669"/>
            <a:ext cx="2017059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WAQS 12 km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xmlns="" id="{1964723F-C835-437F-B5C7-A8F23F3E00A8}"/>
              </a:ext>
            </a:extLst>
          </p:cNvPr>
          <p:cNvSpPr txBox="1"/>
          <p:nvPr/>
        </p:nvSpPr>
        <p:spPr bwMode="auto">
          <a:xfrm>
            <a:off x="1331088" y="5185458"/>
            <a:ext cx="10451939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buNone/>
              <a:tabLst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WAQS run outperforms EPA; both runs have wet bias in Jul-Aug monsoon period</a:t>
            </a:r>
          </a:p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buNone/>
              <a:tabLst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52ADCA24-605F-4784-A3F8-4C519D5EB61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5607086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ime Series – 2014 Q3 Humidity at KPHX 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xmlns="" id="{48E85CE7-66AD-4CF4-BE91-E32A79873BBA}"/>
              </a:ext>
            </a:extLst>
          </p:cNvPr>
          <p:cNvGrpSpPr/>
          <p:nvPr/>
        </p:nvGrpSpPr>
        <p:grpSpPr>
          <a:xfrm>
            <a:off x="1884291" y="914499"/>
            <a:ext cx="8417069" cy="5242266"/>
            <a:chOff x="1884291" y="914499"/>
            <a:chExt cx="8417069" cy="5242266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xmlns="" id="{8D2833D2-9868-4EF1-A4FA-3427FD4700CA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884291" y="914499"/>
              <a:ext cx="8417069" cy="5242266"/>
            </a:xfrm>
            <a:prstGeom prst="rect">
              <a:avLst/>
            </a:prstGeom>
          </p:spPr>
        </p:pic>
        <p:sp>
          <p:nvSpPr>
            <p:cNvPr id="5" name="Oval 4">
              <a:extLst>
                <a:ext uri="{FF2B5EF4-FFF2-40B4-BE49-F238E27FC236}">
                  <a16:creationId xmlns:a16="http://schemas.microsoft.com/office/drawing/2014/main" xmlns="" id="{08615945-005F-47EB-AF6C-57D4C974792C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4942842" y="1663299"/>
              <a:ext cx="276609" cy="276609"/>
            </a:xfrm>
            <a:prstGeom prst="ellipse">
              <a:avLst/>
            </a:prstGeom>
            <a:noFill/>
            <a:ln w="2540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xmlns="" id="{BF02BA68-3969-4E75-A56C-DC73196D98AF}"/>
              </a:ext>
            </a:extLst>
          </p:cNvPr>
          <p:cNvSpPr txBox="1"/>
          <p:nvPr/>
        </p:nvSpPr>
        <p:spPr bwMode="auto">
          <a:xfrm>
            <a:off x="4131113" y="1155850"/>
            <a:ext cx="1161535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Aug 2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xmlns="" id="{531E61E6-C1E1-43E1-84DD-F8826B17635F}"/>
              </a:ext>
            </a:extLst>
          </p:cNvPr>
          <p:cNvCxnSpPr>
            <a:cxnSpLocks/>
            <a:endCxn id="5" idx="1"/>
          </p:cNvCxnSpPr>
          <p:nvPr/>
        </p:nvCxnSpPr>
        <p:spPr>
          <a:xfrm>
            <a:off x="4711881" y="1432849"/>
            <a:ext cx="271469" cy="270958"/>
          </a:xfrm>
          <a:prstGeom prst="straightConnector1">
            <a:avLst/>
          </a:prstGeom>
          <a:ln w="31750">
            <a:solidFill>
              <a:schemeClr val="tx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xmlns="" id="{687621F6-8B96-4284-968B-EE2AE1F11B6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244452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ily Precipitation Plots – Aug 3, 2014 (end 5 AM MST)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xmlns="" id="{9A47F158-2432-4635-BE53-1C718BEFD555}"/>
              </a:ext>
            </a:extLst>
          </p:cNvPr>
          <p:cNvGrpSpPr/>
          <p:nvPr/>
        </p:nvGrpSpPr>
        <p:grpSpPr>
          <a:xfrm>
            <a:off x="1323474" y="1252728"/>
            <a:ext cx="9063789" cy="291167"/>
            <a:chOff x="1323474" y="1726667"/>
            <a:chExt cx="9063789" cy="291167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xmlns="" id="{5B233FC1-BBD7-4682-8E00-9538B650B1CF}"/>
                </a:ext>
              </a:extLst>
            </p:cNvPr>
            <p:cNvSpPr txBox="1"/>
            <p:nvPr/>
          </p:nvSpPr>
          <p:spPr bwMode="auto">
            <a:xfrm>
              <a:off x="1323474" y="1726667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PRISM </a:t>
              </a:r>
              <a:r>
                <a:rPr kumimoji="0" lang="en-US" sz="1800" b="1" i="0" u="none" strike="noStrike" kern="1200" cap="none" spc="0" normalizeH="0" baseline="0" noProof="0" dirty="0" err="1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Obs</a:t>
              </a:r>
              <a:endPara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endParaRP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xmlns="" id="{C7E03225-3A0E-497E-BFCF-96E94C52231F}"/>
                </a:ext>
              </a:extLst>
            </p:cNvPr>
            <p:cNvSpPr txBox="1"/>
            <p:nvPr/>
          </p:nvSpPr>
          <p:spPr bwMode="auto">
            <a:xfrm>
              <a:off x="5025188" y="1734684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EPA 12 km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xmlns="" id="{7621C3A2-96EA-49A7-BD2F-AFBE727A1579}"/>
                </a:ext>
              </a:extLst>
            </p:cNvPr>
            <p:cNvSpPr txBox="1"/>
            <p:nvPr/>
          </p:nvSpPr>
          <p:spPr bwMode="auto">
            <a:xfrm>
              <a:off x="8594557" y="1740835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lang="en-US" b="1" spc="0" dirty="0">
                  <a:solidFill>
                    <a:schemeClr val="tx2"/>
                  </a:solidFill>
                </a:rPr>
                <a:t>W</a:t>
              </a: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AQS 12 km</a:t>
              </a:r>
            </a:p>
          </p:txBody>
        </p:sp>
      </p:grp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xmlns="" id="{7425156E-0C85-40DD-AD04-B3101BF2517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98513" y="1655064"/>
            <a:ext cx="10588625" cy="3446094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A201A121-50CC-4EDE-85A5-4BBF12635F4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23565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nthly Precipitation Plots – Aug 2014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xmlns="" id="{84E93522-5359-4700-BA1F-26EC8995E087}"/>
              </a:ext>
            </a:extLst>
          </p:cNvPr>
          <p:cNvGrpSpPr/>
          <p:nvPr/>
        </p:nvGrpSpPr>
        <p:grpSpPr>
          <a:xfrm>
            <a:off x="1323474" y="1252728"/>
            <a:ext cx="9063789" cy="291167"/>
            <a:chOff x="1323474" y="1726667"/>
            <a:chExt cx="9063789" cy="291167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xmlns="" id="{5B233FC1-BBD7-4682-8E00-9538B650B1CF}"/>
                </a:ext>
              </a:extLst>
            </p:cNvPr>
            <p:cNvSpPr txBox="1"/>
            <p:nvPr/>
          </p:nvSpPr>
          <p:spPr bwMode="auto">
            <a:xfrm>
              <a:off x="1323474" y="1726667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PRISM </a:t>
              </a:r>
              <a:r>
                <a:rPr kumimoji="0" lang="en-US" sz="1800" b="1" i="0" u="none" strike="noStrike" kern="1200" cap="none" spc="0" normalizeH="0" baseline="0" noProof="0" dirty="0" err="1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Obs</a:t>
              </a:r>
              <a:endPara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endParaRP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xmlns="" id="{C7E03225-3A0E-497E-BFCF-96E94C52231F}"/>
                </a:ext>
              </a:extLst>
            </p:cNvPr>
            <p:cNvSpPr txBox="1"/>
            <p:nvPr/>
          </p:nvSpPr>
          <p:spPr bwMode="auto">
            <a:xfrm>
              <a:off x="5025188" y="1734684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EPA 12 km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xmlns="" id="{7621C3A2-96EA-49A7-BD2F-AFBE727A1579}"/>
                </a:ext>
              </a:extLst>
            </p:cNvPr>
            <p:cNvSpPr txBox="1"/>
            <p:nvPr/>
          </p:nvSpPr>
          <p:spPr bwMode="auto">
            <a:xfrm>
              <a:off x="8594557" y="1740835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lang="en-US" b="1" spc="0" dirty="0">
                  <a:solidFill>
                    <a:schemeClr val="tx2"/>
                  </a:solidFill>
                </a:rPr>
                <a:t>W</a:t>
              </a: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AQS 12 km</a:t>
              </a:r>
            </a:p>
          </p:txBody>
        </p:sp>
      </p:grpSp>
      <p:pic>
        <p:nvPicPr>
          <p:cNvPr id="10" name="Picture 9">
            <a:extLst>
              <a:ext uri="{FF2B5EF4-FFF2-40B4-BE49-F238E27FC236}">
                <a16:creationId xmlns:a16="http://schemas.microsoft.com/office/drawing/2014/main" xmlns="" id="{5D3B3F93-D658-4280-A830-E1C1CDCE6DC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1386" y="1590099"/>
            <a:ext cx="11602879" cy="3819049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91431015-5121-4929-B1CB-64E5ADDFA47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8590291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nthly Precipitation Plots – Jan 2014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xmlns="" id="{D2E13109-83A9-4F3A-8EB4-8966BD88D8BC}"/>
              </a:ext>
            </a:extLst>
          </p:cNvPr>
          <p:cNvGrpSpPr/>
          <p:nvPr/>
        </p:nvGrpSpPr>
        <p:grpSpPr>
          <a:xfrm>
            <a:off x="1325880" y="1252728"/>
            <a:ext cx="9063789" cy="291167"/>
            <a:chOff x="1323474" y="1726667"/>
            <a:chExt cx="9063789" cy="291167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xmlns="" id="{5B233FC1-BBD7-4682-8E00-9538B650B1CF}"/>
                </a:ext>
              </a:extLst>
            </p:cNvPr>
            <p:cNvSpPr txBox="1"/>
            <p:nvPr/>
          </p:nvSpPr>
          <p:spPr bwMode="auto">
            <a:xfrm>
              <a:off x="1323474" y="1726667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PRISM </a:t>
              </a:r>
              <a:r>
                <a:rPr kumimoji="0" lang="en-US" sz="1800" b="1" i="0" u="none" strike="noStrike" kern="1200" cap="none" spc="0" normalizeH="0" baseline="0" noProof="0" dirty="0" err="1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Obs</a:t>
              </a:r>
              <a:endPara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endParaRP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xmlns="" id="{C7E03225-3A0E-497E-BFCF-96E94C52231F}"/>
                </a:ext>
              </a:extLst>
            </p:cNvPr>
            <p:cNvSpPr txBox="1"/>
            <p:nvPr/>
          </p:nvSpPr>
          <p:spPr bwMode="auto">
            <a:xfrm>
              <a:off x="5025188" y="1734684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EPA 12 km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xmlns="" id="{7621C3A2-96EA-49A7-BD2F-AFBE727A1579}"/>
                </a:ext>
              </a:extLst>
            </p:cNvPr>
            <p:cNvSpPr txBox="1"/>
            <p:nvPr/>
          </p:nvSpPr>
          <p:spPr bwMode="auto">
            <a:xfrm>
              <a:off x="8594557" y="1740835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lang="en-US" b="1" spc="0" dirty="0">
                  <a:solidFill>
                    <a:schemeClr val="tx2"/>
                  </a:solidFill>
                </a:rPr>
                <a:t>W</a:t>
              </a: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AQS 12 km</a:t>
              </a:r>
            </a:p>
          </p:txBody>
        </p:sp>
      </p:grpSp>
      <p:pic>
        <p:nvPicPr>
          <p:cNvPr id="9" name="Picture 8">
            <a:extLst>
              <a:ext uri="{FF2B5EF4-FFF2-40B4-BE49-F238E27FC236}">
                <a16:creationId xmlns:a16="http://schemas.microsoft.com/office/drawing/2014/main" xmlns="" id="{738B8F8B-C9E0-4EDA-AE1F-3657586E34F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1386" y="1591056"/>
            <a:ext cx="11602879" cy="3819049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E267FCCF-DE70-4A97-8460-66E8CAADCFB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844197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ily Precipitation Plots – Jan 31, 2014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xmlns="" id="{0AB14374-8A5E-4FAE-AD1B-F3A3B20E0C69}"/>
              </a:ext>
            </a:extLst>
          </p:cNvPr>
          <p:cNvGrpSpPr/>
          <p:nvPr/>
        </p:nvGrpSpPr>
        <p:grpSpPr>
          <a:xfrm>
            <a:off x="1323474" y="1252105"/>
            <a:ext cx="9063789" cy="291167"/>
            <a:chOff x="1323474" y="1726667"/>
            <a:chExt cx="9063789" cy="291167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xmlns="" id="{5B233FC1-BBD7-4682-8E00-9538B650B1CF}"/>
                </a:ext>
              </a:extLst>
            </p:cNvPr>
            <p:cNvSpPr txBox="1"/>
            <p:nvPr/>
          </p:nvSpPr>
          <p:spPr bwMode="auto">
            <a:xfrm>
              <a:off x="1323474" y="1726667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PRISM </a:t>
              </a:r>
              <a:r>
                <a:rPr kumimoji="0" lang="en-US" sz="1800" b="1" i="0" u="none" strike="noStrike" kern="1200" cap="none" spc="0" normalizeH="0" baseline="0" noProof="0" dirty="0" err="1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Obs</a:t>
              </a:r>
              <a:endPara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endParaRP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xmlns="" id="{C7E03225-3A0E-497E-BFCF-96E94C52231F}"/>
                </a:ext>
              </a:extLst>
            </p:cNvPr>
            <p:cNvSpPr txBox="1"/>
            <p:nvPr/>
          </p:nvSpPr>
          <p:spPr bwMode="auto">
            <a:xfrm>
              <a:off x="5025188" y="1734684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EPA 12 km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xmlns="" id="{7621C3A2-96EA-49A7-BD2F-AFBE727A1579}"/>
                </a:ext>
              </a:extLst>
            </p:cNvPr>
            <p:cNvSpPr txBox="1"/>
            <p:nvPr/>
          </p:nvSpPr>
          <p:spPr bwMode="auto">
            <a:xfrm>
              <a:off x="8594557" y="1740835"/>
              <a:ext cx="1792706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lang="en-US" b="1" spc="0" dirty="0">
                  <a:solidFill>
                    <a:schemeClr val="tx2"/>
                  </a:solidFill>
                </a:rPr>
                <a:t>W</a:t>
              </a: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AQS 12 km</a:t>
              </a:r>
            </a:p>
          </p:txBody>
        </p:sp>
      </p:grp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xmlns="" id="{30A6A21B-0367-4C9B-AC99-C669242B2D3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98514" y="1651975"/>
            <a:ext cx="10588625" cy="3446094"/>
          </a:xfr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xmlns="" id="{55F585D9-2871-464B-8028-4E752B291D7B}"/>
              </a:ext>
            </a:extLst>
          </p:cNvPr>
          <p:cNvSpPr txBox="1"/>
          <p:nvPr/>
        </p:nvSpPr>
        <p:spPr bwMode="auto">
          <a:xfrm>
            <a:off x="1088020" y="5301205"/>
            <a:ext cx="10174147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Excellent agreement in spatial extent for both runs</a:t>
            </a:r>
          </a:p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lang="en-US" spc="0" dirty="0"/>
              <a:t>Slight overestimation in magnitude for both runs, WAQS a bit better</a:t>
            </a:r>
            <a:endParaRPr kumimoji="0" lang="en-US" sz="1800" b="0" i="0" u="none" strike="noStrike" kern="1200" cap="none" spc="0" normalizeH="0" baseline="0" noProof="0" dirty="0" err="1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93BF41EE-D335-45F2-B6EF-7ADB0718DB5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1370430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2DF36C0B-E57C-4D4D-B6DB-4DF8D48F7B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ummary and Conclus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048D9DA3-EEB8-4D96-8DAB-E07BFC2093D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099751"/>
            <a:ext cx="10185862" cy="4361720"/>
          </a:xfrm>
        </p:spPr>
        <p:txBody>
          <a:bodyPr/>
          <a:lstStyle/>
          <a:p>
            <a:r>
              <a:rPr lang="en-US" dirty="0"/>
              <a:t>WRF performance reasonable for both simulations</a:t>
            </a:r>
          </a:p>
          <a:p>
            <a:pPr lvl="1"/>
            <a:r>
              <a:rPr lang="en-US" dirty="0"/>
              <a:t>No obvious/egregious errors that would prevent use of either WRF simulation for AQ modeling</a:t>
            </a:r>
          </a:p>
          <a:p>
            <a:r>
              <a:rPr lang="en-US" dirty="0"/>
              <a:t>Not possible to know which WRF simulation will perform better in </a:t>
            </a:r>
            <a:r>
              <a:rPr lang="en-US" dirty="0" err="1"/>
              <a:t>CAMx</a:t>
            </a:r>
            <a:r>
              <a:rPr lang="en-US" dirty="0"/>
              <a:t>/CMAQ</a:t>
            </a:r>
          </a:p>
          <a:p>
            <a:pPr lvl="1"/>
            <a:r>
              <a:rPr lang="en-US" dirty="0"/>
              <a:t>Relative performance varies across parameters/seasons/locations </a:t>
            </a:r>
          </a:p>
          <a:p>
            <a:pPr lvl="1"/>
            <a:r>
              <a:rPr lang="en-US" dirty="0"/>
              <a:t>Best (or worst) performing WRF days may have small (or large) influence on AQ concentrations</a:t>
            </a:r>
          </a:p>
          <a:p>
            <a:pPr lvl="1"/>
            <a:r>
              <a:rPr lang="en-US" dirty="0"/>
              <a:t>Other meteorological variables (vertical diffusion, PBL heights, etc.) may be more important than the ones we can easily evaluate (T, Q, winds, </a:t>
            </a:r>
            <a:r>
              <a:rPr lang="en-US" dirty="0" err="1"/>
              <a:t>precip</a:t>
            </a:r>
            <a:r>
              <a:rPr lang="en-US" dirty="0"/>
              <a:t>)</a:t>
            </a:r>
          </a:p>
          <a:p>
            <a:r>
              <a:rPr lang="en-US" dirty="0"/>
              <a:t>However, general performance tendencies</a:t>
            </a:r>
          </a:p>
          <a:p>
            <a:pPr lvl="1"/>
            <a:r>
              <a:rPr lang="en-US" dirty="0"/>
              <a:t>EPA – wet bias in summer months associated with overactive summer convection; WAQS smaller wet bias</a:t>
            </a:r>
          </a:p>
          <a:p>
            <a:pPr lvl="1"/>
            <a:r>
              <a:rPr lang="en-US" dirty="0"/>
              <a:t>WAQS – cold bias in Jan-Apr</a:t>
            </a:r>
          </a:p>
          <a:p>
            <a:pPr lvl="1"/>
            <a:r>
              <a:rPr lang="en-US" dirty="0"/>
              <a:t>EPA and WAQS – good precipitation performance outside of summer months</a:t>
            </a:r>
          </a:p>
          <a:p>
            <a:r>
              <a:rPr lang="en-US" dirty="0"/>
              <a:t>All products (soccer plots, time series, </a:t>
            </a:r>
            <a:r>
              <a:rPr lang="en-US" dirty="0" err="1"/>
              <a:t>precip</a:t>
            </a:r>
            <a:r>
              <a:rPr lang="en-US" dirty="0"/>
              <a:t> maps) available for transfer to IWDW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D881AF5E-10D0-407A-B746-4E2C83E4202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89558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PA vs WAQS WRF Configuration 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xmlns="" id="{AB069D57-447A-4EF4-95D9-55874C25CF8B}"/>
              </a:ext>
            </a:extLst>
          </p:cNvPr>
          <p:cNvGraphicFramePr>
            <a:graphicFrameLocks noGrp="1" noChangeAspect="1"/>
          </p:cNvGraphicFramePr>
          <p:nvPr>
            <p:extLst>
              <p:ext uri="{D42A27DB-BD31-4B8C-83A1-F6EECF244321}">
                <p14:modId xmlns:p14="http://schemas.microsoft.com/office/powerpoint/2010/main" val="3132814119"/>
              </p:ext>
            </p:extLst>
          </p:nvPr>
        </p:nvGraphicFramePr>
        <p:xfrm>
          <a:off x="1625211" y="1202400"/>
          <a:ext cx="8446636" cy="4552944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231085">
                  <a:extLst>
                    <a:ext uri="{9D8B030D-6E8A-4147-A177-3AD203B41FA5}">
                      <a16:colId xmlns:a16="http://schemas.microsoft.com/office/drawing/2014/main" xmlns="" val="3169359222"/>
                    </a:ext>
                  </a:extLst>
                </a:gridCol>
                <a:gridCol w="1813445">
                  <a:extLst>
                    <a:ext uri="{9D8B030D-6E8A-4147-A177-3AD203B41FA5}">
                      <a16:colId xmlns:a16="http://schemas.microsoft.com/office/drawing/2014/main" xmlns="" val="3823343920"/>
                    </a:ext>
                  </a:extLst>
                </a:gridCol>
                <a:gridCol w="3402106">
                  <a:extLst>
                    <a:ext uri="{9D8B030D-6E8A-4147-A177-3AD203B41FA5}">
                      <a16:colId xmlns:a16="http://schemas.microsoft.com/office/drawing/2014/main" xmlns="" val="688708071"/>
                    </a:ext>
                  </a:extLst>
                </a:gridCol>
              </a:tblGrid>
              <a:tr h="300861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bg1"/>
                          </a:solidFill>
                          <a:effectLst/>
                        </a:rPr>
                        <a:t>WRF Option</a:t>
                      </a:r>
                      <a:endParaRPr lang="en-US" sz="1400" dirty="0">
                        <a:solidFill>
                          <a:schemeClr val="bg1"/>
                        </a:solidFill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bg1"/>
                          </a:solidFill>
                          <a:effectLst/>
                        </a:rPr>
                        <a:t>2014/2015 EPA</a:t>
                      </a:r>
                      <a:endParaRPr lang="en-US" sz="1400" dirty="0">
                        <a:solidFill>
                          <a:schemeClr val="bg1"/>
                        </a:solidFill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bg1"/>
                          </a:solidFill>
                          <a:effectLst/>
                        </a:rPr>
                        <a:t>2014 WAQS</a:t>
                      </a:r>
                      <a:endParaRPr lang="en-US" sz="1400" dirty="0">
                        <a:solidFill>
                          <a:schemeClr val="bg1"/>
                        </a:solidFill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212601585"/>
                  </a:ext>
                </a:extLst>
              </a:tr>
              <a:tr h="300861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Domains run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2-km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36/12/4-km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333333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110327896"/>
                  </a:ext>
                </a:extLst>
              </a:tr>
              <a:tr h="286535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Microphysics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Morrison 2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Thompson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333333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003703694"/>
                  </a:ext>
                </a:extLst>
              </a:tr>
              <a:tr h="286535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LW Radiation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RRTMG</a:t>
                      </a:r>
                      <a:endParaRPr lang="en-US" sz="140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RRTMG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xmlns="" val="1803462528"/>
                  </a:ext>
                </a:extLst>
              </a:tr>
              <a:tr h="286535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SW Radiation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RRTMG</a:t>
                      </a:r>
                      <a:endParaRPr lang="en-US" sz="140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RRTMG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xmlns="" val="1009361159"/>
                  </a:ext>
                </a:extLst>
              </a:tr>
              <a:tr h="286535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err="1">
                          <a:effectLst/>
                        </a:rPr>
                        <a:t>Sfc</a:t>
                      </a:r>
                      <a:r>
                        <a:rPr lang="en-US" sz="1400" dirty="0">
                          <a:effectLst/>
                        </a:rPr>
                        <a:t> Layer Physics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MM5 similarity</a:t>
                      </a:r>
                      <a:endParaRPr lang="en-US" sz="140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MM5 similarity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619415445"/>
                  </a:ext>
                </a:extLst>
              </a:tr>
              <a:tr h="286535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LSM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err="1">
                          <a:effectLst/>
                        </a:rPr>
                        <a:t>Pleim-Xiu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Noah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842666436"/>
                  </a:ext>
                </a:extLst>
              </a:tr>
              <a:tr h="286535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PBL scheme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ACM2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YSU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2341591152"/>
                  </a:ext>
                </a:extLst>
              </a:tr>
              <a:tr h="718534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Cumulus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Kain-Fritsch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36/12-km Multi-scale Kain Fritsch</a:t>
                      </a:r>
                    </a:p>
                  </a:txBody>
                  <a:tcPr marL="68580" marR="68580" marT="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377574385"/>
                  </a:ext>
                </a:extLst>
              </a:tr>
              <a:tr h="470204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BC, IC Analysis Nudging Source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2-km NAM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2-km NAM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xmlns="" val="1474059508"/>
                  </a:ext>
                </a:extLst>
              </a:tr>
              <a:tr h="470204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Analysis Nudging Grids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2-km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36/12-km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3490291818"/>
                  </a:ext>
                </a:extLst>
              </a:tr>
              <a:tr h="286535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 err="1">
                          <a:effectLst/>
                        </a:rPr>
                        <a:t>Obs</a:t>
                      </a:r>
                      <a:r>
                        <a:rPr lang="en-US" sz="1400" dirty="0">
                          <a:effectLst/>
                        </a:rPr>
                        <a:t> Nudging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None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4-km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xmlns="" val="1104095348"/>
                  </a:ext>
                </a:extLst>
              </a:tr>
              <a:tr h="286535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Sea </a:t>
                      </a:r>
                      <a:r>
                        <a:rPr lang="en-US" sz="1400" dirty="0" err="1">
                          <a:effectLst/>
                        </a:rPr>
                        <a:t>Sfc</a:t>
                      </a:r>
                      <a:r>
                        <a:rPr lang="en-US" sz="1400" dirty="0">
                          <a:effectLst/>
                        </a:rPr>
                        <a:t> Temp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FNMOC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FNMOC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xmlns="" val="4018814973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D5EC5D8A-94E7-44D4-B9F7-0BC8E240737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478491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2" name="Group 11">
            <a:extLst>
              <a:ext uri="{FF2B5EF4-FFF2-40B4-BE49-F238E27FC236}">
                <a16:creationId xmlns:a16="http://schemas.microsoft.com/office/drawing/2014/main" xmlns="" id="{6B6B29EB-C284-4785-9F8C-6CCE10F59890}"/>
              </a:ext>
            </a:extLst>
          </p:cNvPr>
          <p:cNvGrpSpPr/>
          <p:nvPr/>
        </p:nvGrpSpPr>
        <p:grpSpPr>
          <a:xfrm>
            <a:off x="266103" y="1145889"/>
            <a:ext cx="11631689" cy="4634393"/>
            <a:chOff x="130176" y="1585732"/>
            <a:chExt cx="11631689" cy="4634393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xmlns="" id="{2A2A9C66-E61A-4931-87EE-2797785726E8}"/>
                </a:ext>
              </a:extLst>
            </p:cNvPr>
            <p:cNvPicPr/>
            <p:nvPr/>
          </p:nvPicPr>
          <p:blipFill rotWithShape="1">
            <a:blip r:embed="rId2"/>
            <a:srcRect l="24893" t="25765" r="24850" b="15702"/>
            <a:stretch/>
          </p:blipFill>
          <p:spPr bwMode="auto">
            <a:xfrm>
              <a:off x="130176" y="1731176"/>
              <a:ext cx="5962650" cy="3906520"/>
            </a:xfrm>
            <a:prstGeom prst="rect">
              <a:avLst/>
            </a:prstGeom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xmlns="" id="{ACA626BD-91F1-46D4-B647-463FB5A846C3}"/>
                </a:ext>
              </a:extLst>
            </p:cNvPr>
            <p:cNvGrpSpPr/>
            <p:nvPr/>
          </p:nvGrpSpPr>
          <p:grpSpPr>
            <a:xfrm>
              <a:off x="5875415" y="1585732"/>
              <a:ext cx="5886450" cy="4634393"/>
              <a:chOff x="5875415" y="1585732"/>
              <a:chExt cx="5886450" cy="4634393"/>
            </a:xfrm>
          </p:grpSpPr>
          <p:pic>
            <p:nvPicPr>
              <p:cNvPr id="5" name="Picture 4">
                <a:extLst>
                  <a:ext uri="{FF2B5EF4-FFF2-40B4-BE49-F238E27FC236}">
                    <a16:creationId xmlns:a16="http://schemas.microsoft.com/office/drawing/2014/main" xmlns="" id="{21BF2C57-19A2-410F-82BE-7E2022FD184E}"/>
                  </a:ext>
                </a:extLst>
              </p:cNvPr>
              <p:cNvPicPr/>
              <p:nvPr/>
            </p:nvPicPr>
            <p:blipFill rotWithShape="1">
              <a:blip r:embed="rId3"/>
              <a:srcRect l="27413" t="21005" r="28159" b="18223"/>
              <a:stretch/>
            </p:blipFill>
            <p:spPr bwMode="auto">
              <a:xfrm>
                <a:off x="5875415" y="1690670"/>
                <a:ext cx="5886450" cy="4529455"/>
              </a:xfrm>
              <a:prstGeom prst="rect">
                <a:avLst/>
              </a:prstGeom>
              <a:ln>
                <a:noFill/>
              </a:ln>
              <a:extLst>
                <a:ext uri="{53640926-AAD7-44D8-BBD7-CCE9431645EC}">
                  <a14:shadowObscured xmlns:a14="http://schemas.microsoft.com/office/drawing/2010/main"/>
                </a:ext>
              </a:extLst>
            </p:spPr>
          </p:pic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xmlns="" id="{81097995-A3E2-4514-AAFA-0F35347FA409}"/>
                  </a:ext>
                </a:extLst>
              </p:cNvPr>
              <p:cNvSpPr/>
              <p:nvPr/>
            </p:nvSpPr>
            <p:spPr>
              <a:xfrm>
                <a:off x="9630137" y="1585732"/>
                <a:ext cx="416688" cy="145444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PA vs WAQS WRF Domains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xmlns="" id="{0272BB28-89E8-43B1-9C9B-CA45C19F7555}"/>
              </a:ext>
            </a:extLst>
          </p:cNvPr>
          <p:cNvGrpSpPr/>
          <p:nvPr/>
        </p:nvGrpSpPr>
        <p:grpSpPr>
          <a:xfrm>
            <a:off x="1179783" y="1089191"/>
            <a:ext cx="9461868" cy="277000"/>
            <a:chOff x="1179783" y="1552171"/>
            <a:chExt cx="9461868" cy="277000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xmlns="" id="{327AAE5B-2FB4-46EC-816E-41DB207AE7F3}"/>
                </a:ext>
              </a:extLst>
            </p:cNvPr>
            <p:cNvSpPr txBox="1"/>
            <p:nvPr/>
          </p:nvSpPr>
          <p:spPr bwMode="auto">
            <a:xfrm>
              <a:off x="1179783" y="1552172"/>
              <a:ext cx="3646025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EPA 12US1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xmlns="" id="{722FC8E7-B195-43A4-ACFD-4A53FA992D28}"/>
                </a:ext>
              </a:extLst>
            </p:cNvPr>
            <p:cNvSpPr txBox="1"/>
            <p:nvPr/>
          </p:nvSpPr>
          <p:spPr bwMode="auto">
            <a:xfrm>
              <a:off x="6995626" y="1552171"/>
              <a:ext cx="3646025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R="0" algn="ctr" defTabSz="457200" rtl="0" eaLnBrk="0" fontAlgn="base" latinLnBrk="0" hangingPunct="0">
                <a:spcBef>
                  <a:spcPct val="0"/>
                </a:spcBef>
                <a:buClrTx/>
                <a:buSzTx/>
                <a:tabLst/>
              </a:pPr>
              <a:r>
                <a:rPr kumimoji="0" lang="en-US" sz="18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2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WAQS 36/12/4 km</a:t>
              </a:r>
            </a:p>
          </p:txBody>
        </p:sp>
      </p:grp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B327A5CD-EA08-423D-83EA-EE98656C07B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3981887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2DF36C0B-E57C-4D4D-B6DB-4DF8D48F7B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PA vs WAQS WRF MPE Approach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048D9DA3-EEB8-4D96-8DAB-E07BFC2093D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Evaluate EPA 12US1 and WAQS 12WUS2</a:t>
            </a:r>
          </a:p>
          <a:p>
            <a:pPr lvl="1"/>
            <a:r>
              <a:rPr lang="en-US" dirty="0"/>
              <a:t>For 12US1, include observation sites within WAQS 12 km only</a:t>
            </a:r>
          </a:p>
          <a:p>
            <a:r>
              <a:rPr lang="en-US" dirty="0"/>
              <a:t>Quantitative Evaluation</a:t>
            </a:r>
          </a:p>
          <a:p>
            <a:pPr lvl="1"/>
            <a:r>
              <a:rPr lang="en-US" dirty="0"/>
              <a:t>METSTAT – model/</a:t>
            </a:r>
            <a:r>
              <a:rPr lang="en-US" dirty="0" err="1"/>
              <a:t>obs</a:t>
            </a:r>
            <a:r>
              <a:rPr lang="en-US" dirty="0"/>
              <a:t> pairing, bias/error statistics against NCAR ds3505 observations</a:t>
            </a:r>
          </a:p>
          <a:p>
            <a:pPr lvl="2"/>
            <a:r>
              <a:rPr lang="en-US" dirty="0"/>
              <a:t>Soccer plots – monthly stats</a:t>
            </a:r>
          </a:p>
          <a:p>
            <a:pPr lvl="2"/>
            <a:r>
              <a:rPr lang="en-US" dirty="0"/>
              <a:t>Time series – hourly and daily</a:t>
            </a:r>
          </a:p>
          <a:p>
            <a:pPr lvl="2"/>
            <a:r>
              <a:rPr lang="en-US" dirty="0"/>
              <a:t>Plots for whole domain (12WUS2), all sites in a given state, and each individual site within each state</a:t>
            </a:r>
          </a:p>
          <a:p>
            <a:r>
              <a:rPr lang="en-US" dirty="0"/>
              <a:t>Qualitative Evaluation</a:t>
            </a:r>
          </a:p>
          <a:p>
            <a:pPr lvl="1"/>
            <a:r>
              <a:rPr lang="en-US" dirty="0"/>
              <a:t>PRISM precipitation spatial maps</a:t>
            </a:r>
          </a:p>
          <a:p>
            <a:pPr lvl="2"/>
            <a:r>
              <a:rPr lang="en-US" dirty="0"/>
              <a:t>Monthly and dail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22AB345C-AA6C-4DAF-9CB8-EE8DBB0FD42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13565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F229138E-6A64-4A23-9D23-579D2CCC7B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RF Statistical Benchmark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59C6AD31-9160-4D72-B033-37B375A42F6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5</a:t>
            </a:fld>
            <a:endParaRPr lang="en-GB" dirty="0"/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xmlns="" id="{8C842870-EC74-4C1B-B7F4-280FABAFFC8E}"/>
              </a:ext>
            </a:extLst>
          </p:cNvPr>
          <p:cNvGraphicFramePr>
            <a:graphicFrameLocks noGrp="1" noChangeAspect="1"/>
          </p:cNvGraphicFramePr>
          <p:nvPr>
            <p:extLst/>
          </p:nvPr>
        </p:nvGraphicFramePr>
        <p:xfrm>
          <a:off x="816925" y="1051561"/>
          <a:ext cx="10318841" cy="3540266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902017">
                  <a:extLst>
                    <a:ext uri="{9D8B030D-6E8A-4147-A177-3AD203B41FA5}">
                      <a16:colId xmlns:a16="http://schemas.microsoft.com/office/drawing/2014/main" xmlns="" val="3304616610"/>
                    </a:ext>
                  </a:extLst>
                </a:gridCol>
                <a:gridCol w="1800200">
                  <a:extLst>
                    <a:ext uri="{9D8B030D-6E8A-4147-A177-3AD203B41FA5}">
                      <a16:colId xmlns:a16="http://schemas.microsoft.com/office/drawing/2014/main" xmlns="" val="1351554551"/>
                    </a:ext>
                  </a:extLst>
                </a:gridCol>
                <a:gridCol w="2016224">
                  <a:extLst>
                    <a:ext uri="{9D8B030D-6E8A-4147-A177-3AD203B41FA5}">
                      <a16:colId xmlns:a16="http://schemas.microsoft.com/office/drawing/2014/main" xmlns="" val="3974976365"/>
                    </a:ext>
                  </a:extLst>
                </a:gridCol>
                <a:gridCol w="1728192">
                  <a:extLst>
                    <a:ext uri="{9D8B030D-6E8A-4147-A177-3AD203B41FA5}">
                      <a16:colId xmlns:a16="http://schemas.microsoft.com/office/drawing/2014/main" xmlns="" val="1148941157"/>
                    </a:ext>
                  </a:extLst>
                </a:gridCol>
                <a:gridCol w="1872208">
                  <a:extLst>
                    <a:ext uri="{9D8B030D-6E8A-4147-A177-3AD203B41FA5}">
                      <a16:colId xmlns:a16="http://schemas.microsoft.com/office/drawing/2014/main" xmlns="" val="2622965230"/>
                    </a:ext>
                  </a:extLst>
                </a:gridCol>
              </a:tblGrid>
              <a:tr h="434017">
                <a:tc rowSpan="2">
                  <a:txBody>
                    <a:bodyPr/>
                    <a:lstStyle/>
                    <a:p>
                      <a:pPr marL="0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eteorological Variable</a:t>
                      </a:r>
                    </a:p>
                  </a:txBody>
                  <a:tcPr marT="91440" marB="91440" anchor="b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imple Conditions</a:t>
                      </a:r>
                    </a:p>
                  </a:txBody>
                  <a:tcPr marT="91440" marB="91440"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b="1" dirty="0">
                        <a:solidFill>
                          <a:schemeClr val="bg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T="91440" marB="91440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0" marR="0" algn="ctr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omplex Conditions</a:t>
                      </a:r>
                    </a:p>
                  </a:txBody>
                  <a:tcPr marT="91440" marB="91440"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b="1" dirty="0">
                        <a:solidFill>
                          <a:schemeClr val="bg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T="91440" marB="91440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658689469"/>
                  </a:ext>
                </a:extLst>
              </a:tr>
              <a:tr h="648072">
                <a:tc vMerge="1">
                  <a:txBody>
                    <a:bodyPr/>
                    <a:lstStyle/>
                    <a:p>
                      <a:pPr marL="0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600" b="1" dirty="0">
                        <a:solidFill>
                          <a:schemeClr val="bg1"/>
                        </a:solidFill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T="91440" marB="91440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Bias</a:t>
                      </a:r>
                    </a:p>
                  </a:txBody>
                  <a:tcPr marT="91440" marB="91440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rror</a:t>
                      </a:r>
                    </a:p>
                  </a:txBody>
                  <a:tcPr marT="91440" marB="91440"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Bias</a:t>
                      </a:r>
                    </a:p>
                  </a:txBody>
                  <a:tcPr marT="91440" marB="91440"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rror</a:t>
                      </a:r>
                    </a:p>
                  </a:txBody>
                  <a:tcPr marT="91440" marB="91440"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1391235715"/>
                  </a:ext>
                </a:extLst>
              </a:tr>
              <a:tr h="580576"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b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Temperature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±0.5 °C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2.0 °C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±2.0 °C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2.5 °C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476948743"/>
                  </a:ext>
                </a:extLst>
              </a:tr>
              <a:tr h="625867"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b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Wind Speed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±0.5 m/s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2.0 m/s (RMSE)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±1.5 m/s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2.5 m/s (RMSE)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2205028475"/>
                  </a:ext>
                </a:extLst>
              </a:tr>
              <a:tr h="625867"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b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Wind Direction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±10 degrees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30 degrees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±10 degrees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50 degrees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483106133"/>
                  </a:ext>
                </a:extLst>
              </a:tr>
              <a:tr h="625867"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b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Humidity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±0.8 g/kg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2.0 g/kg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±1.0 g/kg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5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&lt; 2.0 g/kg</a:t>
                      </a:r>
                      <a:endParaRPr lang="en-US" sz="1450" dirty="0">
                        <a:effectLst/>
                        <a:latin typeface="+mn-lt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xmlns="" val="317319994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724341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ccer Plots – Wind Speed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xmlns="" id="{7EC259B7-D2C5-4D0A-83BA-0A64B02F65F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51386" y="1498451"/>
            <a:ext cx="10882879" cy="3498068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34DD5A74-0C89-493F-9421-04ECB7AA5B46}"/>
              </a:ext>
            </a:extLst>
          </p:cNvPr>
          <p:cNvSpPr txBox="1"/>
          <p:nvPr/>
        </p:nvSpPr>
        <p:spPr bwMode="auto">
          <a:xfrm>
            <a:off x="2528046" y="1338669"/>
            <a:ext cx="2017059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EPA 12 km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99176AB2-6591-4A31-A0A8-80CF7B5C33B6}"/>
              </a:ext>
            </a:extLst>
          </p:cNvPr>
          <p:cNvSpPr txBox="1"/>
          <p:nvPr/>
        </p:nvSpPr>
        <p:spPr bwMode="auto">
          <a:xfrm>
            <a:off x="8072708" y="1338669"/>
            <a:ext cx="2017059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WAQS 12 km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37D756F0-B381-4887-A299-CFC3311E6260}"/>
              </a:ext>
            </a:extLst>
          </p:cNvPr>
          <p:cNvSpPr txBox="1"/>
          <p:nvPr/>
        </p:nvSpPr>
        <p:spPr bwMode="auto">
          <a:xfrm>
            <a:off x="1331088" y="5185458"/>
            <a:ext cx="10451939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buNone/>
              <a:tabLst/>
            </a:pPr>
            <a:r>
              <a:rPr lang="en-US" spc="0" dirty="0"/>
              <a:t>Most months within simple conditions goal for both runs</a:t>
            </a:r>
          </a:p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buNone/>
              <a:tabLst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EPA run has slight overprediction bias for most months; WAQS slight </a:t>
            </a:r>
            <a:r>
              <a:rPr lang="en-US" spc="0" dirty="0"/>
              <a:t>underprediction</a:t>
            </a:r>
            <a:endParaRPr kumimoji="0" lang="en-US" sz="1800" b="0" i="0" u="none" strike="noStrike" kern="1200" cap="none" spc="0" normalizeH="0" baseline="0" noProof="0" dirty="0" err="1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876D6A4E-7E32-4088-9D63-19183B09FD4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36953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519C572D-9323-46E2-9888-49C458BB736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9224" y="1499616"/>
            <a:ext cx="10882879" cy="3498068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ccer Plots – Wind Direction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34DD5A74-0C89-493F-9421-04ECB7AA5B46}"/>
              </a:ext>
            </a:extLst>
          </p:cNvPr>
          <p:cNvSpPr txBox="1"/>
          <p:nvPr/>
        </p:nvSpPr>
        <p:spPr bwMode="auto">
          <a:xfrm>
            <a:off x="2528046" y="1338669"/>
            <a:ext cx="2017059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EPA 12 km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99176AB2-6591-4A31-A0A8-80CF7B5C33B6}"/>
              </a:ext>
            </a:extLst>
          </p:cNvPr>
          <p:cNvSpPr txBox="1"/>
          <p:nvPr/>
        </p:nvSpPr>
        <p:spPr bwMode="auto">
          <a:xfrm>
            <a:off x="8072708" y="1338669"/>
            <a:ext cx="2017059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WAQS 12 km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37D756F0-B381-4887-A299-CFC3311E6260}"/>
              </a:ext>
            </a:extLst>
          </p:cNvPr>
          <p:cNvSpPr txBox="1"/>
          <p:nvPr/>
        </p:nvSpPr>
        <p:spPr bwMode="auto">
          <a:xfrm>
            <a:off x="1331088" y="5185458"/>
            <a:ext cx="10451939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buNone/>
              <a:tabLst/>
            </a:pPr>
            <a:r>
              <a:rPr lang="en-US" spc="0" dirty="0"/>
              <a:t>WAQS outperforms EPA with overall lower bias; error is similar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E56FB706-4CB0-43F9-A290-4B2710A6C3F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71343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86A88C58-2C80-4464-87B1-FECA95B5495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51386" y="1499616"/>
            <a:ext cx="10882879" cy="3498068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ccer Plots – Temperature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34DD5A74-0C89-493F-9421-04ECB7AA5B46}"/>
              </a:ext>
            </a:extLst>
          </p:cNvPr>
          <p:cNvSpPr txBox="1"/>
          <p:nvPr/>
        </p:nvSpPr>
        <p:spPr bwMode="auto">
          <a:xfrm>
            <a:off x="2528046" y="1338669"/>
            <a:ext cx="2017059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EPA 12 km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99176AB2-6591-4A31-A0A8-80CF7B5C33B6}"/>
              </a:ext>
            </a:extLst>
          </p:cNvPr>
          <p:cNvSpPr txBox="1"/>
          <p:nvPr/>
        </p:nvSpPr>
        <p:spPr bwMode="auto">
          <a:xfrm>
            <a:off x="8072708" y="1338669"/>
            <a:ext cx="2017059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WAQS 12 km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xmlns="" id="{686D81A6-B104-4D85-93FD-65E771F33EC2}"/>
              </a:ext>
            </a:extLst>
          </p:cNvPr>
          <p:cNvSpPr txBox="1"/>
          <p:nvPr/>
        </p:nvSpPr>
        <p:spPr bwMode="auto">
          <a:xfrm>
            <a:off x="1331088" y="5185458"/>
            <a:ext cx="10451939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buNone/>
              <a:tabLst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EPA run outperforms WAQS</a:t>
            </a:r>
          </a:p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buNone/>
              <a:tabLst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WAQS temperature poorest for Jan-Apr with cold bia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D0B4E5C1-70A6-4CCF-A2FF-A74F197F1E6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4132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xmlns="" id="{0EBB8321-8F0D-44DB-988F-7656A707CCF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9224" y="1499616"/>
            <a:ext cx="10882879" cy="3498068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xmlns="" id="{E1C15399-1DFA-43FE-B596-2F389EE22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ccer Plots – Humidity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34DD5A74-0C89-493F-9421-04ECB7AA5B46}"/>
              </a:ext>
            </a:extLst>
          </p:cNvPr>
          <p:cNvSpPr txBox="1"/>
          <p:nvPr/>
        </p:nvSpPr>
        <p:spPr bwMode="auto">
          <a:xfrm>
            <a:off x="2528046" y="1338669"/>
            <a:ext cx="2017059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EPA 12 km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99176AB2-6591-4A31-A0A8-80CF7B5C33B6}"/>
              </a:ext>
            </a:extLst>
          </p:cNvPr>
          <p:cNvSpPr txBox="1"/>
          <p:nvPr/>
        </p:nvSpPr>
        <p:spPr bwMode="auto">
          <a:xfrm>
            <a:off x="8072708" y="1338669"/>
            <a:ext cx="2017059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WAQS 12 km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xmlns="" id="{1964723F-C835-437F-B5C7-A8F23F3E00A8}"/>
              </a:ext>
            </a:extLst>
          </p:cNvPr>
          <p:cNvSpPr txBox="1"/>
          <p:nvPr/>
        </p:nvSpPr>
        <p:spPr bwMode="auto">
          <a:xfrm>
            <a:off x="1331088" y="5185458"/>
            <a:ext cx="10451939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buNone/>
              <a:tabLst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WAQS run outperforms EPA; both runs have positive (wet) bias for all months</a:t>
            </a:r>
          </a:p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buNone/>
              <a:tabLst/>
            </a:pPr>
            <a:r>
              <a:rPr lang="en-US" spc="0" dirty="0"/>
              <a:t>EPA performance poorest for May-Oct: overactive convection?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12D71F10-6EF6-4CD6-AA2D-0D1C0EFB161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132526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4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.pptx" id="{18B1D9E1-3BFF-492D-AD3C-07E0527DBC54}" vid="{2725A123-54A8-4D51-A6DB-726BE0B36503}"/>
    </a:ext>
  </a:extLst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4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4348</TotalTime>
  <Words>656</Words>
  <Application>Microsoft Office PowerPoint</Application>
  <PresentationFormat>Custom</PresentationFormat>
  <Paragraphs>159</Paragraphs>
  <Slides>16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6</vt:i4>
      </vt:variant>
    </vt:vector>
  </HeadingPairs>
  <TitlesOfParts>
    <vt:vector size="23" baseType="lpstr">
      <vt:lpstr>Arial</vt:lpstr>
      <vt:lpstr>Calibri</vt:lpstr>
      <vt:lpstr>Calibri Light</vt:lpstr>
      <vt:lpstr>Times New Roman</vt:lpstr>
      <vt:lpstr>Verdana</vt:lpstr>
      <vt:lpstr>Blank</vt:lpstr>
      <vt:lpstr>Custom Design</vt:lpstr>
      <vt:lpstr>WRAP 2014 Regional Modeling </vt:lpstr>
      <vt:lpstr>EPA vs WAQS WRF Configuration </vt:lpstr>
      <vt:lpstr>EPA vs WAQS WRF Domains</vt:lpstr>
      <vt:lpstr>EPA vs WAQS WRF MPE Approach</vt:lpstr>
      <vt:lpstr>WRF Statistical Benchmarks</vt:lpstr>
      <vt:lpstr>Soccer Plots – Wind Speed</vt:lpstr>
      <vt:lpstr>Soccer Plots – Wind Direction</vt:lpstr>
      <vt:lpstr>Soccer Plots – Temperature </vt:lpstr>
      <vt:lpstr>Soccer Plots – Humidity </vt:lpstr>
      <vt:lpstr>Soccer Plots – Humidity for all AZ sites </vt:lpstr>
      <vt:lpstr>Time Series – 2014 Q3 Humidity at KPHX </vt:lpstr>
      <vt:lpstr>Daily Precipitation Plots – Aug 3, 2014 (end 5 AM MST)</vt:lpstr>
      <vt:lpstr>Monthly Precipitation Plots – Aug 2014</vt:lpstr>
      <vt:lpstr>Monthly Precipitation Plots – Jan 2014</vt:lpstr>
      <vt:lpstr>Daily Precipitation Plots – Jan 31, 2014</vt:lpstr>
      <vt:lpstr>Summary and Conclusions</vt:lpstr>
    </vt:vector>
  </TitlesOfParts>
  <Company>Ramboll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Kraemer</dc:creator>
  <cp:lastModifiedBy>Ames Roger</cp:lastModifiedBy>
  <cp:revision>42</cp:revision>
  <dcterms:created xsi:type="dcterms:W3CDTF">2018-12-11T20:49:47Z</dcterms:created>
  <dcterms:modified xsi:type="dcterms:W3CDTF">2019-01-31T22:18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TemplafyTimeStamp">
    <vt:lpwstr>2018-10-03T09:50:09.1611095Z</vt:lpwstr>
  </property>
</Properties>
</file>